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mc:AlternateContent xmlns:mc="http://schemas.openxmlformats.org/markup-compatibility/2006">
    <mc:Choice Requires="x15">
      <x15ac:absPath xmlns:x15ac="http://schemas.microsoft.com/office/spreadsheetml/2010/11/ac" url="C:\Users\s3985600\Downloads\"/>
    </mc:Choice>
  </mc:AlternateContent>
  <xr:revisionPtr revIDLastSave="0" documentId="13_ncr:1_{33B4220D-E81B-41E5-B670-88D5981BFF0A}" xr6:coauthVersionLast="47" xr6:coauthVersionMax="47" xr10:uidLastSave="{00000000-0000-0000-0000-000000000000}"/>
  <bookViews>
    <workbookView xWindow="-23370" yWindow="8310" windowWidth="17805" windowHeight="7905" xr2:uid="{589CE6CE-8B99-C044-8F02-96DCAC43CA17}"/>
  </bookViews>
  <sheets>
    <sheet name="Sheet1" sheetId="1" r:id="rId1"/>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1" uniqueCount="36">
  <si>
    <t>MASTER LIST FOR FACULTY WEBPAGE POSTING</t>
  </si>
  <si>
    <t>STATUS OF CUPE JOB POSTINGS</t>
  </si>
  <si>
    <t xml:space="preserve">Admin will update the status from OPEN to FILLED as they are assigned. </t>
  </si>
  <si>
    <t>Job Number</t>
  </si>
  <si>
    <t>Department</t>
  </si>
  <si>
    <t>Term</t>
  </si>
  <si>
    <t>Year</t>
  </si>
  <si>
    <t>Course Code</t>
  </si>
  <si>
    <t>Course Number</t>
  </si>
  <si>
    <t>Assignment</t>
  </si>
  <si>
    <t>Work Duties</t>
  </si>
  <si>
    <t>Qualifications</t>
  </si>
  <si>
    <t>Experience</t>
  </si>
  <si>
    <t>Work Schedule</t>
  </si>
  <si>
    <t>Work hours</t>
  </si>
  <si>
    <t>Job Format</t>
  </si>
  <si>
    <t>Filled or Open</t>
  </si>
  <si>
    <t>Chemistry</t>
  </si>
  <si>
    <t>M/W</t>
  </si>
  <si>
    <t>OPEN</t>
  </si>
  <si>
    <t>CHEM263002</t>
  </si>
  <si>
    <t>1213 1L</t>
  </si>
  <si>
    <t>Lab Demonstrator 
Assist students in the safe execution of the experiment, safe and proper operation and handling of lab equipment, chemicals and glassware in accordance with relevant Standard Operating Procedures (SOPs) 
-Assist the Instructor in demonstrating techniques; 
-Circulate in the lab and actively engage students in discussions about their experiment; 
-Collect and grade pre-lab assignments in a timely manner, enter grades in record book, and circulate to give individual feedback to students; 
-Report any problems/incidents/inconsistencies immediately to the instructor; 
-Assist the technician in set up or solution preparation in the latter part of lab if time permits; -Invigilate a midterm and/or final exam in Chemistry, and/or perform an equivalent Department duty to account for the total number of paid hours</t>
  </si>
  <si>
    <t xml:space="preserve">Overall minimum grade of B- (or higher) must be attained in both General Chemistry I and II; or permission of the instructor. A full unofficial transcript is required when submitting your application. 
WHMIS certified in the last 12 months 
Excellent interpersonal skills 
Assets: 
Knowledge of LoggerProTM software </t>
  </si>
  <si>
    <t xml:space="preserve">*Student assistant Lab Demonstrators are expected to: 
*Be skilled and knowledgeable in the experiment procedure, theory and associated calculations; 
*Be familiar with the safe-handling of equipment and chemicals; 
*Be prepared, punctual, motivated, safety-conscious, and empathetic; 
*Handle student grades and answer keys in an appropriate confidential manner; 
*Be an effective role model for professionalism and promotion of safety culture and inclusion in the lab; 
*Enforce and adhere to all safety policies set out under the Faculty of Science;  
Supply your own properly-fitting lab coat and safety glasses. 
</t>
  </si>
  <si>
    <t>CHEM263003</t>
  </si>
  <si>
    <t>2344 1 L</t>
  </si>
  <si>
    <t>T/R</t>
  </si>
  <si>
    <t xml:space="preserve">In person </t>
  </si>
  <si>
    <t>Spring, 
Start Date May 4 2026
Emd Date June 22 2026</t>
  </si>
  <si>
    <t>Lab Demonstrator 
Assist students in the safe execution of the experiment, safe and proper operation of lab equipment, and in the safe and proper handling of all chemicals and glassware; 
Assist the Instructor in demonstrating techniques and circulate in the lab and actively engage students in discussions about what they are doing; 
Reinforce lab safety; 
Report any problems/incidents/inconsistencies immediately to the instructor; 
Replenish/prepare any chemicals or supplies needed if asked upon; 
Meet with Technician to arrange pre-lab schedule and duties; 
Invigilate a midterm in Chemistry or perform an equivalent Department duty</t>
  </si>
  <si>
    <t>1:30pm -4:29pm 
For a total of 36 Hr.</t>
  </si>
  <si>
    <t>1:30pm -4:29pm 
For a total of 36hr.</t>
  </si>
  <si>
    <t>A minimum grade of B- must be attained in the course  or permission of the instructor. A full unofficial transcript is required when submitting your application. 
WHMIS certified in the last 12 months 
Assets: 
Excellent interpersonal skills 
Knowledge of instrumentation and software, relevant to the course/lab</t>
  </si>
  <si>
    <t>Click the link to apply : Saint Mary's University Teaching Assistant Job Application Form – Fill out form</t>
  </si>
  <si>
    <t>https://can01.safelinks.protection.outlook.com/?url=https%3A%2F%2Fforms.office.com%2Fr%2FiNMNAAC0fA&amp;data=05%7C02%7Cearthscience%40smu.ca%7Cbaa3250a1b1c4cee0a8f08de3f04e04d%7C060b02ae57754360abbae2e29cca6627%7C1%7C0%7C639017487346033342%7CUnknown%7CTWFpbGZsb3d8eyJFbXB0eU1hcGkiOnRydWUsIlYiOiIwLjAuMDAwMCIsIlAiOiJXaW4zMiIsIkFOIjoiTWFpbCIsIldUIjoyfQ%3D%3D%7C0%7C%7C%7C&amp;sdata=27MleVKyCTmTHSSKPqxHk4QP9PfzLUnzsALIFJoxA9U%3D&amp;reserved=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2"/>
      <color theme="1"/>
      <name val="Aptos Narrow"/>
      <family val="2"/>
      <scheme val="minor"/>
    </font>
    <font>
      <b/>
      <sz val="12"/>
      <color theme="1"/>
      <name val="Aptos Narrow"/>
      <family val="2"/>
      <scheme val="minor"/>
    </font>
    <font>
      <u/>
      <sz val="12"/>
      <color theme="10"/>
      <name val="Aptos Narrow"/>
      <family val="2"/>
      <scheme val="minor"/>
    </font>
    <font>
      <sz val="12"/>
      <color rgb="FF000000"/>
      <name val="Aptos Narrow"/>
      <family val="2"/>
      <scheme val="minor"/>
    </font>
    <font>
      <sz val="11"/>
      <color rgb="FF000000"/>
      <name val="Aptos Display"/>
      <family val="2"/>
    </font>
    <font>
      <sz val="14"/>
      <color rgb="FF000000"/>
      <name val="Aptos Narrow"/>
      <family val="2"/>
      <scheme val="minor"/>
    </font>
    <font>
      <b/>
      <sz val="12"/>
      <color rgb="FF000000"/>
      <name val="Aptos Narrow"/>
      <family val="2"/>
      <scheme val="minor"/>
    </font>
    <font>
      <sz val="11"/>
      <color theme="1"/>
      <name val="Aptos Display"/>
      <family val="2"/>
    </font>
    <font>
      <b/>
      <sz val="11"/>
      <color theme="1"/>
      <name val="Aptos Display"/>
      <family val="2"/>
    </font>
    <font>
      <sz val="11"/>
      <color rgb="FF000000"/>
      <name val="Aptos Display"/>
      <family val="2"/>
    </font>
    <font>
      <sz val="11"/>
      <color rgb="FF000000"/>
      <name val="Arial"/>
      <family val="2"/>
      <charset val="1"/>
    </font>
    <font>
      <b/>
      <sz val="11"/>
      <color rgb="FF000000"/>
      <name val="Aptos Display"/>
      <family val="2"/>
    </font>
    <font>
      <sz val="9"/>
      <color rgb="FF000000"/>
      <name val="Arial"/>
      <family val="2"/>
      <charset val="1"/>
    </font>
    <font>
      <sz val="12"/>
      <color rgb="FF000000"/>
      <name val="Aptos Narrow"/>
      <family val="2"/>
    </font>
  </fonts>
  <fills count="3">
    <fill>
      <patternFill patternType="none"/>
    </fill>
    <fill>
      <patternFill patternType="gray125"/>
    </fill>
    <fill>
      <patternFill patternType="solid">
        <fgColor rgb="FFFFFFFF"/>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s>
  <cellStyleXfs count="2">
    <xf numFmtId="0" fontId="0" fillId="0" borderId="0"/>
    <xf numFmtId="0" fontId="2" fillId="0" borderId="0" applyNumberFormat="0" applyFill="0" applyBorder="0" applyAlignment="0" applyProtection="0"/>
  </cellStyleXfs>
  <cellXfs count="45">
    <xf numFmtId="0" fontId="0" fillId="0" borderId="0" xfId="0"/>
    <xf numFmtId="0" fontId="3" fillId="0" borderId="0" xfId="0" applyFont="1"/>
    <xf numFmtId="0" fontId="3" fillId="0" borderId="0" xfId="0" applyFont="1" applyAlignment="1">
      <alignment horizontal="left" vertical="center"/>
    </xf>
    <xf numFmtId="0" fontId="4" fillId="0" borderId="0" xfId="0" applyFont="1" applyAlignment="1">
      <alignment vertical="center"/>
    </xf>
    <xf numFmtId="0" fontId="3" fillId="0" borderId="0" xfId="0" applyFont="1" applyAlignment="1">
      <alignment horizontal="left" vertical="top"/>
    </xf>
    <xf numFmtId="0" fontId="5" fillId="0" borderId="0" xfId="0" applyFont="1"/>
    <xf numFmtId="0" fontId="6" fillId="0" borderId="0" xfId="0" applyFont="1" applyAlignment="1">
      <alignment horizontal="left" vertical="top"/>
    </xf>
    <xf numFmtId="0" fontId="2" fillId="0" borderId="0" xfId="1" applyFill="1" applyAlignment="1">
      <alignment horizontal="left" vertical="top"/>
    </xf>
    <xf numFmtId="0" fontId="0" fillId="0" borderId="1" xfId="0" applyBorder="1"/>
    <xf numFmtId="0" fontId="0" fillId="0" borderId="1" xfId="0" applyBorder="1" applyAlignment="1">
      <alignment horizontal="left" vertical="center"/>
    </xf>
    <xf numFmtId="0" fontId="7" fillId="0" borderId="1" xfId="0" applyFont="1" applyBorder="1" applyAlignment="1">
      <alignment vertical="center"/>
    </xf>
    <xf numFmtId="0" fontId="1" fillId="0" borderId="1" xfId="0" applyFont="1" applyBorder="1"/>
    <xf numFmtId="0" fontId="1" fillId="0" borderId="1" xfId="0" applyFont="1" applyBorder="1" applyAlignment="1">
      <alignment horizontal="left" vertical="top"/>
    </xf>
    <xf numFmtId="0" fontId="1" fillId="0" borderId="1" xfId="0" applyFont="1" applyBorder="1" applyAlignment="1">
      <alignment horizontal="left" vertical="center"/>
    </xf>
    <xf numFmtId="0" fontId="8" fillId="0" borderId="1" xfId="0" applyFont="1" applyBorder="1" applyAlignment="1">
      <alignment vertical="center"/>
    </xf>
    <xf numFmtId="0" fontId="1" fillId="0" borderId="0" xfId="0" applyFont="1"/>
    <xf numFmtId="0" fontId="1" fillId="0" borderId="4" xfId="0" applyFont="1" applyBorder="1"/>
    <xf numFmtId="0" fontId="1" fillId="0" borderId="5" xfId="0" applyFont="1" applyBorder="1"/>
    <xf numFmtId="0" fontId="1" fillId="0" borderId="6" xfId="0" applyFont="1" applyBorder="1" applyAlignment="1">
      <alignment horizontal="left" vertical="center" wrapText="1"/>
    </xf>
    <xf numFmtId="0" fontId="1" fillId="0" borderId="6" xfId="0" applyFont="1" applyBorder="1" applyAlignment="1">
      <alignment vertical="center" wrapText="1"/>
    </xf>
    <xf numFmtId="0" fontId="8" fillId="0" borderId="6" xfId="0" applyFont="1" applyBorder="1" applyAlignment="1">
      <alignment vertical="center" wrapText="1"/>
    </xf>
    <xf numFmtId="15" fontId="9" fillId="0" borderId="0" xfId="0" applyNumberFormat="1" applyFont="1" applyAlignment="1">
      <alignment horizontal="left" vertical="center"/>
    </xf>
    <xf numFmtId="0" fontId="9" fillId="0" borderId="0" xfId="0" applyFont="1" applyAlignment="1">
      <alignment vertical="center"/>
    </xf>
    <xf numFmtId="0" fontId="9" fillId="0" borderId="0" xfId="0" applyFont="1" applyAlignment="1">
      <alignment horizontal="left" vertical="center" wrapText="1"/>
    </xf>
    <xf numFmtId="0" fontId="10" fillId="0" borderId="0" xfId="0" applyFont="1" applyAlignment="1">
      <alignment vertical="center"/>
    </xf>
    <xf numFmtId="0" fontId="4" fillId="0" borderId="0" xfId="0" applyFont="1" applyAlignment="1">
      <alignment vertical="center" wrapText="1"/>
    </xf>
    <xf numFmtId="0" fontId="11" fillId="0" borderId="0" xfId="0" applyFont="1" applyAlignment="1">
      <alignment vertical="center" wrapText="1"/>
    </xf>
    <xf numFmtId="0" fontId="11" fillId="0" borderId="0" xfId="0" applyFont="1" applyAlignment="1">
      <alignment wrapText="1"/>
    </xf>
    <xf numFmtId="0" fontId="4" fillId="0" borderId="0" xfId="0" applyFont="1" applyAlignment="1">
      <alignment wrapText="1"/>
    </xf>
    <xf numFmtId="0" fontId="1" fillId="0" borderId="3" xfId="0" applyFont="1" applyBorder="1" applyAlignment="1">
      <alignment vertical="center"/>
    </xf>
    <xf numFmtId="0" fontId="12" fillId="0" borderId="0" xfId="0" applyFont="1" applyAlignment="1">
      <alignment vertical="center"/>
    </xf>
    <xf numFmtId="0" fontId="13" fillId="2" borderId="0" xfId="0" quotePrefix="1" applyFont="1" applyFill="1"/>
    <xf numFmtId="0" fontId="13" fillId="2" borderId="0" xfId="0" applyFont="1" applyFill="1" applyAlignment="1">
      <alignment wrapText="1"/>
    </xf>
    <xf numFmtId="0" fontId="0" fillId="0" borderId="0" xfId="0" applyAlignment="1">
      <alignment vertical="center"/>
    </xf>
    <xf numFmtId="0" fontId="1" fillId="0" borderId="2" xfId="0" applyFont="1" applyBorder="1" applyAlignment="1">
      <alignment vertical="center"/>
    </xf>
    <xf numFmtId="0" fontId="12" fillId="0" borderId="0" xfId="0" applyFont="1" applyAlignment="1">
      <alignment horizontal="right" vertical="center"/>
    </xf>
    <xf numFmtId="0" fontId="9" fillId="0" borderId="0" xfId="0" applyFont="1" applyAlignment="1">
      <alignment vertical="center"/>
    </xf>
    <xf numFmtId="0" fontId="10" fillId="0" borderId="0" xfId="0" applyFont="1" applyAlignment="1">
      <alignment vertical="center"/>
    </xf>
    <xf numFmtId="0" fontId="4" fillId="0" borderId="0" xfId="0" applyFont="1" applyAlignment="1">
      <alignment vertical="center"/>
    </xf>
    <xf numFmtId="0" fontId="3" fillId="0" borderId="0" xfId="0" applyFont="1"/>
    <xf numFmtId="15" fontId="9" fillId="0" borderId="0" xfId="0" applyNumberFormat="1" applyFont="1" applyAlignment="1">
      <alignment horizontal="left" vertical="center"/>
    </xf>
    <xf numFmtId="0" fontId="0" fillId="0" borderId="2" xfId="0" applyBorder="1"/>
    <xf numFmtId="0" fontId="0" fillId="0" borderId="3" xfId="0" applyBorder="1"/>
    <xf numFmtId="0" fontId="1" fillId="0" borderId="3" xfId="0" applyFont="1" applyBorder="1" applyAlignment="1">
      <alignment vertical="center" wrapText="1"/>
    </xf>
    <xf numFmtId="0" fontId="2" fillId="0" borderId="0" xfId="1"/>
  </cellXfs>
  <cellStyles count="2">
    <cellStyle name="Hyperlink" xfId="1" builtinId="8"/>
    <cellStyle name="Normal" xfId="0" builtinId="0"/>
  </cellStyles>
  <dxfs count="16">
    <dxf>
      <font>
        <b/>
        <i val="0"/>
        <strike val="0"/>
        <condense val="0"/>
        <extend val="0"/>
        <outline val="0"/>
        <shadow val="0"/>
        <u val="none"/>
        <vertAlign val="baseline"/>
        <sz val="11"/>
        <color theme="1"/>
        <name val="Aptos Display"/>
        <scheme val="none"/>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border diagonalUp="0" diagonalDown="0">
        <left/>
        <right style="thin">
          <color indexed="64"/>
        </right>
        <top style="thin">
          <color indexed="64"/>
        </top>
        <bottom/>
        <vertical/>
        <horizontal/>
      </border>
    </dxf>
    <dxf>
      <font>
        <b/>
        <i val="0"/>
        <strike val="0"/>
        <condense val="0"/>
        <extend val="0"/>
        <outline val="0"/>
        <shadow val="0"/>
        <u val="none"/>
        <vertAlign val="baseline"/>
        <sz val="12"/>
        <color theme="1"/>
        <name val="Aptos Narrow"/>
        <family val="2"/>
        <scheme val="minor"/>
      </font>
      <border diagonalUp="0" diagonalDown="0">
        <left/>
        <right style="thin">
          <color indexed="64"/>
        </right>
        <top style="thin">
          <color indexed="64"/>
        </top>
        <bottom style="thin">
          <color indexed="64"/>
        </bottom>
        <vertical/>
        <horizontal/>
      </border>
    </dxf>
    <dxf>
      <font>
        <b/>
        <i val="0"/>
        <strike val="0"/>
        <condense val="0"/>
        <extend val="0"/>
        <outline val="0"/>
        <shadow val="0"/>
        <u val="none"/>
        <vertAlign val="baseline"/>
        <sz val="12"/>
        <color theme="1"/>
        <name val="Aptos Narrow"/>
        <family val="2"/>
        <scheme val="minor"/>
      </font>
      <border diagonalUp="0" diagonalDown="0">
        <left style="thin">
          <color indexed="64"/>
        </left>
        <right/>
        <top style="thin">
          <color indexed="64"/>
        </top>
        <bottom style="thin">
          <color indexed="64"/>
        </bottom>
        <vertical/>
        <horizontal/>
      </border>
    </dxf>
    <dxf>
      <border outline="0">
        <right style="thin">
          <color indexed="64"/>
        </right>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B9D1EE67-127C-704E-A683-E933C9303A52}" name="Table4" displayName="Table4" ref="A11:N18" totalsRowShown="0" headerRowDxfId="15" dataDxfId="14" tableBorderDxfId="13">
  <autoFilter ref="A11:N18" xr:uid="{B9D1EE67-127C-704E-A683-E933C9303A52}"/>
  <tableColumns count="14">
    <tableColumn id="1" xr3:uid="{F9E2325D-4FB6-1F4F-8678-EB5FFED00657}" name="Job Number"/>
    <tableColumn id="2" xr3:uid="{6A1130E7-9752-4A47-AA8E-7463ADD9F177}" name="Department" dataDxfId="12"/>
    <tableColumn id="3" xr3:uid="{0B183189-3258-EB4D-AE16-DA0EBB3725A1}" name="Term" dataDxfId="11"/>
    <tableColumn id="14" xr3:uid="{68EE54BE-7ACB-48B5-BEE4-3BF86F603465}" name="Year" dataDxfId="10"/>
    <tableColumn id="4" xr3:uid="{7A987F95-A387-1444-A9BC-B9C3721C19FB}" name="Course Code" dataDxfId="9"/>
    <tableColumn id="5" xr3:uid="{3F76FBCE-9CB4-9B4F-88CD-5263838554FE}" name="Course Number" dataDxfId="8"/>
    <tableColumn id="6" xr3:uid="{8538F349-D26D-B74C-A58D-B8949A47CD50}" name="Assignment" dataDxfId="7"/>
    <tableColumn id="7" xr3:uid="{DEFB01B9-4D93-A347-AB6C-8D904C453BC2}" name="Work Duties" dataDxfId="6"/>
    <tableColumn id="8" xr3:uid="{F82C6AA8-0540-134D-A4E9-CF34DE2BAB91}" name="Qualifications" dataDxfId="5"/>
    <tableColumn id="9" xr3:uid="{9A69496A-BA15-C64E-A5B6-118DAD017206}" name="Experience" dataDxfId="4"/>
    <tableColumn id="10" xr3:uid="{4B8F440F-487D-B644-AA44-BF51C378C539}" name="Work Schedule" dataDxfId="3"/>
    <tableColumn id="11" xr3:uid="{A5EFF638-17B9-274A-BC2D-CDDF762EFECC}" name="Work hours" dataDxfId="2"/>
    <tableColumn id="12" xr3:uid="{49616509-2283-6243-9872-7F162F0B065E}" name="Job Format" dataDxfId="1"/>
    <tableColumn id="13" xr3:uid="{A0F7E05C-EDCC-1041-874F-D1792BFD72F6}" name="Filled or Open"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s://can01.safelinks.protection.outlook.com/?url=https%3A%2F%2Fforms.office.com%2Fr%2FiNMNAAC0fA&amp;data=05%7C02%7Cearthscience%40smu.ca%7Cbaa3250a1b1c4cee0a8f08de3f04e04d%7C060b02ae57754360abbae2e29cca6627%7C1%7C0%7C639017487346033342%7CUnknown%7CTWFpbGZsb3d8eyJFbXB0eU1hcGkiOnRydWUsIlYiOiIwLjAuMDAwMCIsIlAiOiJXaW4zMiIsIkFOIjoiTWFpbCIsIldUIjoyfQ%3D%3D%7C0%7C%7C%7C&amp;sdata=27MleVKyCTmTHSSKPqxHk4QP9PfzLUnzsALIFJoxA9U%3D&amp;reserved=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DEB822-FA5A-7E4D-97EA-5C3FF76B8D65}">
  <dimension ref="A1:O61"/>
  <sheetViews>
    <sheetView tabSelected="1" topLeftCell="H6" workbookViewId="0">
      <selection activeCell="J6" sqref="J6"/>
    </sheetView>
  </sheetViews>
  <sheetFormatPr defaultColWidth="10.83203125" defaultRowHeight="16" x14ac:dyDescent="0.4"/>
  <cols>
    <col min="1" max="1" width="14.33203125" customWidth="1"/>
    <col min="2" max="2" width="14.33203125" bestFit="1" customWidth="1"/>
    <col min="3" max="3" width="27.25" customWidth="1"/>
    <col min="4" max="4" width="13.58203125" bestFit="1" customWidth="1"/>
    <col min="5" max="5" width="17.83203125" bestFit="1" customWidth="1"/>
    <col min="6" max="6" width="15.08203125" bestFit="1" customWidth="1"/>
    <col min="7" max="7" width="9.33203125" customWidth="1"/>
    <col min="8" max="8" width="72.5" customWidth="1"/>
    <col min="9" max="9" width="44.75" customWidth="1"/>
    <col min="10" max="10" width="54.08203125" customWidth="1"/>
    <col min="11" max="11" width="26.83203125" bestFit="1" customWidth="1"/>
    <col min="12" max="12" width="21.83203125" customWidth="1"/>
    <col min="13" max="13" width="20.08203125" bestFit="1" customWidth="1"/>
    <col min="14" max="14" width="21.58203125" customWidth="1"/>
  </cols>
  <sheetData>
    <row r="1" spans="1:15" x14ac:dyDescent="0.4">
      <c r="B1" s="39"/>
      <c r="C1" s="39"/>
      <c r="D1" s="1"/>
      <c r="E1" s="1"/>
      <c r="F1" s="1"/>
      <c r="G1" s="1"/>
      <c r="H1" s="1"/>
      <c r="I1" s="1"/>
      <c r="J1" s="2"/>
      <c r="K1" s="1"/>
      <c r="L1" s="1"/>
      <c r="M1" s="3"/>
      <c r="N1" s="1"/>
    </row>
    <row r="2" spans="1:15" ht="18.5" x14ac:dyDescent="0.45">
      <c r="A2" s="4" t="s">
        <v>0</v>
      </c>
      <c r="B2" s="5"/>
      <c r="C2" s="1"/>
      <c r="D2" s="1"/>
      <c r="E2" s="1"/>
      <c r="F2" s="1"/>
      <c r="G2" s="1"/>
      <c r="H2" s="2"/>
      <c r="I2" s="1"/>
      <c r="J2" s="1"/>
      <c r="K2" s="3"/>
      <c r="L2" s="1"/>
    </row>
    <row r="3" spans="1:15" ht="18.5" x14ac:dyDescent="0.45">
      <c r="A3" t="s">
        <v>1</v>
      </c>
      <c r="B3" s="39"/>
      <c r="C3" s="39"/>
      <c r="D3" s="5"/>
      <c r="E3" s="1"/>
      <c r="F3" s="1"/>
      <c r="G3" s="1"/>
      <c r="H3" s="1"/>
      <c r="I3" s="1"/>
      <c r="J3" s="2"/>
      <c r="K3" s="1"/>
      <c r="L3" s="1"/>
      <c r="M3" s="3"/>
      <c r="N3" s="1"/>
    </row>
    <row r="4" spans="1:15" ht="18.5" x14ac:dyDescent="0.45">
      <c r="A4" t="s">
        <v>2</v>
      </c>
      <c r="B4" s="1"/>
      <c r="C4" s="6"/>
      <c r="D4" s="5"/>
      <c r="E4" s="1"/>
      <c r="F4" s="1"/>
      <c r="G4" s="1"/>
      <c r="H4" s="1"/>
      <c r="I4" s="1"/>
      <c r="J4" s="2"/>
      <c r="K4" s="1"/>
      <c r="L4" s="1"/>
      <c r="M4" s="3"/>
      <c r="N4" s="1"/>
    </row>
    <row r="5" spans="1:15" ht="18.5" x14ac:dyDescent="0.45">
      <c r="B5" s="1"/>
      <c r="C5" s="7"/>
      <c r="D5" s="5"/>
      <c r="E5" s="1"/>
      <c r="F5" s="1"/>
      <c r="G5" s="1"/>
      <c r="H5" s="1"/>
      <c r="I5" s="1"/>
      <c r="J5" s="2"/>
      <c r="K5" s="1"/>
      <c r="L5" s="1"/>
      <c r="M5" s="3"/>
      <c r="N5" s="1"/>
    </row>
    <row r="6" spans="1:15" ht="18.5" x14ac:dyDescent="0.45">
      <c r="B6" s="39"/>
      <c r="C6" s="39"/>
      <c r="D6" s="5"/>
      <c r="E6" s="1"/>
      <c r="F6" s="1"/>
      <c r="G6" s="1"/>
      <c r="H6" s="1"/>
      <c r="I6" s="1"/>
      <c r="J6" s="2"/>
      <c r="K6" s="1"/>
      <c r="L6" s="1"/>
      <c r="M6" s="3"/>
      <c r="N6" s="1"/>
    </row>
    <row r="7" spans="1:15" x14ac:dyDescent="0.4">
      <c r="H7" t="s">
        <v>34</v>
      </c>
    </row>
    <row r="8" spans="1:15" ht="18.5" x14ac:dyDescent="0.45">
      <c r="B8" s="39"/>
      <c r="C8" s="39"/>
      <c r="D8" s="5"/>
      <c r="E8" s="1"/>
      <c r="F8" s="1"/>
      <c r="G8" s="1"/>
      <c r="H8" s="44" t="s">
        <v>35</v>
      </c>
      <c r="I8" s="1"/>
      <c r="J8" s="2"/>
      <c r="K8" s="1"/>
      <c r="L8" s="1"/>
      <c r="M8" s="3"/>
      <c r="N8" s="1"/>
    </row>
    <row r="9" spans="1:15" x14ac:dyDescent="0.4">
      <c r="A9" s="4"/>
      <c r="B9" s="1"/>
      <c r="C9" s="1"/>
      <c r="D9" s="1"/>
      <c r="E9" s="1"/>
      <c r="F9" s="1"/>
      <c r="G9" s="1"/>
      <c r="H9" s="2"/>
      <c r="I9" s="1"/>
      <c r="J9" s="1"/>
      <c r="K9" s="3"/>
      <c r="L9" s="1"/>
    </row>
    <row r="10" spans="1:15" x14ac:dyDescent="0.4">
      <c r="B10" s="41"/>
      <c r="C10" s="42"/>
      <c r="D10" s="8"/>
      <c r="E10" s="8"/>
      <c r="F10" s="8"/>
      <c r="G10" s="8"/>
      <c r="H10" s="8"/>
      <c r="I10" s="8"/>
      <c r="J10" s="9"/>
      <c r="K10" s="8"/>
      <c r="L10" s="8"/>
      <c r="M10" s="10"/>
    </row>
    <row r="11" spans="1:15" x14ac:dyDescent="0.4">
      <c r="A11" t="s">
        <v>3</v>
      </c>
      <c r="B11" s="11" t="s">
        <v>4</v>
      </c>
      <c r="C11" s="12" t="s">
        <v>5</v>
      </c>
      <c r="D11" s="12" t="s">
        <v>6</v>
      </c>
      <c r="E11" s="11" t="s">
        <v>7</v>
      </c>
      <c r="F11" s="11" t="s">
        <v>8</v>
      </c>
      <c r="G11" s="11" t="s">
        <v>9</v>
      </c>
      <c r="H11" s="11" t="s">
        <v>10</v>
      </c>
      <c r="I11" s="11" t="s">
        <v>11</v>
      </c>
      <c r="J11" s="11" t="s">
        <v>12</v>
      </c>
      <c r="K11" s="13" t="s">
        <v>13</v>
      </c>
      <c r="L11" s="11" t="s">
        <v>14</v>
      </c>
      <c r="M11" s="11" t="s">
        <v>15</v>
      </c>
      <c r="N11" s="14" t="s">
        <v>16</v>
      </c>
      <c r="O11" s="15"/>
    </row>
    <row r="12" spans="1:15" ht="297.75" customHeight="1" x14ac:dyDescent="0.4">
      <c r="A12" s="33" t="s">
        <v>20</v>
      </c>
      <c r="B12" s="34" t="s">
        <v>17</v>
      </c>
      <c r="C12" s="43" t="s">
        <v>29</v>
      </c>
      <c r="D12" s="29">
        <v>2026</v>
      </c>
      <c r="E12" s="30">
        <v>30751</v>
      </c>
      <c r="F12" s="35" t="s">
        <v>21</v>
      </c>
      <c r="G12" s="19">
        <v>1</v>
      </c>
      <c r="H12" s="32" t="s">
        <v>22</v>
      </c>
      <c r="I12" s="19" t="s">
        <v>23</v>
      </c>
      <c r="J12" s="19" t="s">
        <v>24</v>
      </c>
      <c r="K12" s="18" t="s">
        <v>18</v>
      </c>
      <c r="L12" s="19" t="s">
        <v>31</v>
      </c>
      <c r="M12" s="19" t="s">
        <v>28</v>
      </c>
      <c r="N12" s="20" t="s">
        <v>19</v>
      </c>
      <c r="O12" s="1"/>
    </row>
    <row r="13" spans="1:15" ht="255" customHeight="1" x14ac:dyDescent="0.4">
      <c r="A13" s="33" t="s">
        <v>25</v>
      </c>
      <c r="B13" s="34" t="s">
        <v>17</v>
      </c>
      <c r="C13" s="43" t="s">
        <v>29</v>
      </c>
      <c r="D13" s="29">
        <v>2026</v>
      </c>
      <c r="E13" s="30">
        <v>31342</v>
      </c>
      <c r="F13" s="35" t="s">
        <v>26</v>
      </c>
      <c r="G13" s="19">
        <v>1</v>
      </c>
      <c r="H13" s="32" t="s">
        <v>30</v>
      </c>
      <c r="I13" s="19" t="s">
        <v>33</v>
      </c>
      <c r="J13" s="19" t="s">
        <v>24</v>
      </c>
      <c r="K13" s="18" t="s">
        <v>27</v>
      </c>
      <c r="L13" s="19" t="s">
        <v>32</v>
      </c>
      <c r="M13" s="19" t="s">
        <v>28</v>
      </c>
      <c r="N13" s="20" t="s">
        <v>19</v>
      </c>
      <c r="O13" s="39"/>
    </row>
    <row r="14" spans="1:15" x14ac:dyDescent="0.4">
      <c r="B14" s="16"/>
      <c r="C14" s="17"/>
      <c r="D14" s="17"/>
      <c r="E14" s="18"/>
      <c r="F14" s="18"/>
      <c r="G14" s="19"/>
      <c r="H14" s="31"/>
      <c r="I14" s="19"/>
      <c r="J14" s="19"/>
      <c r="K14" s="18"/>
      <c r="L14" s="19"/>
      <c r="M14" s="19"/>
      <c r="N14" s="20"/>
      <c r="O14" s="39"/>
    </row>
    <row r="15" spans="1:15" ht="147" customHeight="1" x14ac:dyDescent="0.4">
      <c r="B15" s="16"/>
      <c r="C15" s="17"/>
      <c r="D15" s="17"/>
      <c r="E15" s="18"/>
      <c r="F15" s="18"/>
      <c r="G15" s="19"/>
      <c r="H15" s="31"/>
      <c r="I15" s="19"/>
      <c r="J15" s="19"/>
      <c r="K15" s="18"/>
      <c r="L15" s="19"/>
      <c r="M15" s="19"/>
      <c r="N15" s="20"/>
      <c r="O15" s="39"/>
    </row>
    <row r="16" spans="1:15" x14ac:dyDescent="0.4">
      <c r="B16" s="16"/>
      <c r="C16" s="17"/>
      <c r="D16" s="17"/>
      <c r="E16" s="18"/>
      <c r="F16" s="18"/>
      <c r="G16" s="19"/>
      <c r="H16" s="31"/>
      <c r="I16" s="19"/>
      <c r="J16" s="19"/>
      <c r="K16" s="18"/>
      <c r="L16" s="19"/>
      <c r="M16" s="19"/>
      <c r="N16" s="20"/>
      <c r="O16" s="39"/>
    </row>
    <row r="17" spans="2:15" ht="147" customHeight="1" x14ac:dyDescent="0.4">
      <c r="B17" s="16"/>
      <c r="C17" s="17"/>
      <c r="D17" s="17"/>
      <c r="E17" s="18"/>
      <c r="F17" s="18"/>
      <c r="G17" s="19"/>
      <c r="H17" s="31"/>
      <c r="I17" s="19"/>
      <c r="J17" s="19"/>
      <c r="K17" s="18"/>
      <c r="L17" s="19"/>
      <c r="M17" s="19"/>
      <c r="N17" s="20"/>
      <c r="O17" s="39"/>
    </row>
    <row r="18" spans="2:15" x14ac:dyDescent="0.4">
      <c r="B18" s="16"/>
      <c r="C18" s="17"/>
      <c r="D18" s="17"/>
      <c r="E18" s="18"/>
      <c r="F18" s="18"/>
      <c r="G18" s="19"/>
      <c r="H18" s="31"/>
      <c r="I18" s="19"/>
      <c r="J18" s="19"/>
      <c r="K18" s="18"/>
      <c r="L18" s="19"/>
      <c r="M18" s="19"/>
      <c r="N18" s="20"/>
      <c r="O18" s="39"/>
    </row>
    <row r="19" spans="2:15" ht="147" customHeight="1" x14ac:dyDescent="0.4">
      <c r="B19" s="1"/>
      <c r="C19" s="21"/>
      <c r="D19" s="22"/>
      <c r="E19" s="22"/>
      <c r="F19" s="22"/>
      <c r="G19" s="22"/>
      <c r="H19" s="22"/>
      <c r="I19" s="22"/>
      <c r="J19" s="23"/>
      <c r="K19" s="24"/>
      <c r="L19" s="25"/>
      <c r="M19" s="3"/>
      <c r="N19" s="39"/>
    </row>
    <row r="20" spans="2:15" x14ac:dyDescent="0.4">
      <c r="B20" s="39"/>
      <c r="C20" s="40"/>
      <c r="D20" s="36"/>
      <c r="E20" s="36"/>
      <c r="F20" s="36"/>
      <c r="G20" s="36"/>
      <c r="H20" s="36"/>
      <c r="I20" s="36"/>
      <c r="J20" s="23"/>
      <c r="K20" s="37"/>
      <c r="L20" s="26"/>
      <c r="M20" s="38"/>
      <c r="N20" s="39"/>
    </row>
    <row r="21" spans="2:15" ht="147" customHeight="1" x14ac:dyDescent="0.4">
      <c r="B21" s="39"/>
      <c r="C21" s="40"/>
      <c r="D21" s="36"/>
      <c r="E21" s="36"/>
      <c r="F21" s="36"/>
      <c r="G21" s="36"/>
      <c r="H21" s="36"/>
      <c r="I21" s="36"/>
      <c r="J21" s="23"/>
      <c r="K21" s="37"/>
      <c r="L21" s="25"/>
      <c r="M21" s="38"/>
      <c r="N21" s="39"/>
    </row>
    <row r="22" spans="2:15" x14ac:dyDescent="0.4">
      <c r="B22" s="39"/>
      <c r="C22" s="40"/>
      <c r="D22" s="36"/>
      <c r="E22" s="36"/>
      <c r="F22" s="36"/>
      <c r="G22" s="36"/>
      <c r="H22" s="36"/>
      <c r="I22" s="36"/>
      <c r="J22" s="23"/>
      <c r="K22" s="37"/>
      <c r="L22" s="26"/>
      <c r="M22" s="38"/>
      <c r="N22" s="39"/>
    </row>
    <row r="23" spans="2:15" ht="147" customHeight="1" x14ac:dyDescent="0.4">
      <c r="B23" s="39"/>
      <c r="C23" s="40"/>
      <c r="D23" s="36"/>
      <c r="E23" s="36"/>
      <c r="F23" s="36"/>
      <c r="G23" s="36"/>
      <c r="H23" s="36"/>
      <c r="I23" s="36"/>
      <c r="J23" s="23"/>
      <c r="K23" s="37"/>
      <c r="L23" s="25"/>
      <c r="M23" s="38"/>
      <c r="N23" s="39"/>
    </row>
    <row r="24" spans="2:15" x14ac:dyDescent="0.4">
      <c r="B24" s="39"/>
      <c r="C24" s="40"/>
      <c r="D24" s="36"/>
      <c r="E24" s="36"/>
      <c r="F24" s="36"/>
      <c r="G24" s="36"/>
      <c r="H24" s="36"/>
      <c r="I24" s="36"/>
      <c r="J24" s="23"/>
      <c r="K24" s="37"/>
      <c r="L24" s="26"/>
      <c r="M24" s="38"/>
      <c r="N24" s="39"/>
    </row>
    <row r="25" spans="2:15" ht="147" customHeight="1" x14ac:dyDescent="0.4">
      <c r="B25" s="39"/>
      <c r="C25" s="40"/>
      <c r="D25" s="36"/>
      <c r="E25" s="36"/>
      <c r="F25" s="36"/>
      <c r="G25" s="36"/>
      <c r="H25" s="36"/>
      <c r="I25" s="36"/>
      <c r="J25" s="23"/>
      <c r="K25" s="37"/>
      <c r="L25" s="25"/>
      <c r="M25" s="38"/>
      <c r="N25" s="39"/>
    </row>
    <row r="26" spans="2:15" x14ac:dyDescent="0.4">
      <c r="B26" s="39"/>
      <c r="C26" s="40"/>
      <c r="D26" s="36"/>
      <c r="E26" s="36"/>
      <c r="F26" s="36"/>
      <c r="G26" s="36"/>
      <c r="H26" s="36"/>
      <c r="I26" s="36"/>
      <c r="J26" s="23"/>
      <c r="K26" s="37"/>
      <c r="L26" s="26"/>
      <c r="M26" s="38"/>
      <c r="N26" s="39"/>
    </row>
    <row r="27" spans="2:15" ht="147" customHeight="1" x14ac:dyDescent="0.4">
      <c r="B27" s="39"/>
      <c r="C27" s="40"/>
      <c r="D27" s="36"/>
      <c r="E27" s="36"/>
      <c r="F27" s="36"/>
      <c r="G27" s="36"/>
      <c r="H27" s="36"/>
      <c r="I27" s="36"/>
      <c r="J27" s="23"/>
      <c r="K27" s="37"/>
      <c r="L27" s="25"/>
      <c r="M27" s="38"/>
      <c r="N27" s="39"/>
    </row>
    <row r="28" spans="2:15" x14ac:dyDescent="0.4">
      <c r="B28" s="39"/>
      <c r="C28" s="40"/>
      <c r="D28" s="36"/>
      <c r="E28" s="36"/>
      <c r="F28" s="36"/>
      <c r="G28" s="36"/>
      <c r="H28" s="36"/>
      <c r="I28" s="36"/>
      <c r="J28" s="23"/>
      <c r="K28" s="37"/>
      <c r="L28" s="26"/>
      <c r="M28" s="38"/>
      <c r="N28" s="39"/>
    </row>
    <row r="29" spans="2:15" ht="147" customHeight="1" x14ac:dyDescent="0.4">
      <c r="B29" s="39"/>
      <c r="C29" s="40"/>
      <c r="D29" s="36"/>
      <c r="E29" s="36"/>
      <c r="F29" s="36"/>
      <c r="G29" s="36"/>
      <c r="H29" s="36"/>
      <c r="I29" s="36"/>
      <c r="J29" s="23"/>
      <c r="K29" s="37"/>
      <c r="L29" s="25"/>
      <c r="M29" s="38"/>
      <c r="N29" s="39"/>
    </row>
    <row r="30" spans="2:15" x14ac:dyDescent="0.4">
      <c r="B30" s="39"/>
      <c r="C30" s="40"/>
      <c r="D30" s="36"/>
      <c r="E30" s="36"/>
      <c r="F30" s="36"/>
      <c r="G30" s="36"/>
      <c r="H30" s="36"/>
      <c r="I30" s="36"/>
      <c r="J30" s="23"/>
      <c r="K30" s="37"/>
      <c r="L30" s="26"/>
      <c r="M30" s="38"/>
      <c r="N30" s="39"/>
    </row>
    <row r="31" spans="2:15" ht="147" customHeight="1" x14ac:dyDescent="0.4">
      <c r="B31" s="39"/>
      <c r="C31" s="40"/>
      <c r="D31" s="36"/>
      <c r="E31" s="36"/>
      <c r="F31" s="36"/>
      <c r="G31" s="36"/>
      <c r="H31" s="36"/>
      <c r="I31" s="36"/>
      <c r="J31" s="23"/>
      <c r="K31" s="37"/>
      <c r="L31" s="25"/>
      <c r="M31" s="38"/>
      <c r="N31" s="39"/>
    </row>
    <row r="32" spans="2:15" x14ac:dyDescent="0.4">
      <c r="B32" s="39"/>
      <c r="C32" s="40"/>
      <c r="D32" s="36"/>
      <c r="E32" s="36"/>
      <c r="F32" s="36"/>
      <c r="G32" s="36"/>
      <c r="H32" s="36"/>
      <c r="I32" s="36"/>
      <c r="J32" s="23"/>
      <c r="K32" s="37"/>
      <c r="L32" s="26"/>
      <c r="M32" s="38"/>
      <c r="N32" s="39"/>
    </row>
    <row r="33" spans="2:14" ht="147" customHeight="1" x14ac:dyDescent="0.4">
      <c r="B33" s="39"/>
      <c r="C33" s="40"/>
      <c r="D33" s="36"/>
      <c r="E33" s="36"/>
      <c r="F33" s="36"/>
      <c r="G33" s="36"/>
      <c r="H33" s="36"/>
      <c r="I33" s="36"/>
      <c r="J33" s="23"/>
      <c r="K33" s="37"/>
      <c r="L33" s="25"/>
      <c r="M33" s="38"/>
      <c r="N33" s="39"/>
    </row>
    <row r="34" spans="2:14" x14ac:dyDescent="0.4">
      <c r="B34" s="39"/>
      <c r="C34" s="40"/>
      <c r="D34" s="36"/>
      <c r="E34" s="36"/>
      <c r="F34" s="36"/>
      <c r="G34" s="36"/>
      <c r="H34" s="36"/>
      <c r="I34" s="36"/>
      <c r="J34" s="23"/>
      <c r="K34" s="37"/>
      <c r="L34" s="26"/>
      <c r="M34" s="38"/>
      <c r="N34" s="39"/>
    </row>
    <row r="35" spans="2:14" ht="147" customHeight="1" x14ac:dyDescent="0.4">
      <c r="B35" s="39"/>
      <c r="C35" s="40"/>
      <c r="D35" s="36"/>
      <c r="E35" s="36"/>
      <c r="F35" s="36"/>
      <c r="G35" s="36"/>
      <c r="H35" s="36"/>
      <c r="I35" s="36"/>
      <c r="J35" s="23"/>
      <c r="K35" s="37"/>
      <c r="L35" s="25"/>
      <c r="M35" s="38"/>
      <c r="N35" s="39"/>
    </row>
    <row r="36" spans="2:14" x14ac:dyDescent="0.4">
      <c r="B36" s="39"/>
      <c r="C36" s="40"/>
      <c r="D36" s="36"/>
      <c r="E36" s="36"/>
      <c r="F36" s="36"/>
      <c r="G36" s="36"/>
      <c r="H36" s="36"/>
      <c r="I36" s="36"/>
      <c r="J36" s="23"/>
      <c r="K36" s="37"/>
      <c r="L36" s="26"/>
      <c r="M36" s="38"/>
      <c r="N36" s="39"/>
    </row>
    <row r="37" spans="2:14" ht="147" customHeight="1" x14ac:dyDescent="0.4">
      <c r="B37" s="39"/>
      <c r="C37" s="40"/>
      <c r="D37" s="36"/>
      <c r="E37" s="36"/>
      <c r="F37" s="36"/>
      <c r="G37" s="36"/>
      <c r="H37" s="36"/>
      <c r="I37" s="36"/>
      <c r="J37" s="23"/>
      <c r="K37" s="37"/>
      <c r="L37" s="25"/>
      <c r="M37" s="38"/>
      <c r="N37" s="39"/>
    </row>
    <row r="38" spans="2:14" x14ac:dyDescent="0.4">
      <c r="B38" s="39"/>
      <c r="C38" s="40"/>
      <c r="D38" s="36"/>
      <c r="E38" s="36"/>
      <c r="F38" s="36"/>
      <c r="G38" s="36"/>
      <c r="H38" s="36"/>
      <c r="I38" s="36"/>
      <c r="J38" s="23"/>
      <c r="K38" s="37"/>
      <c r="L38" s="26"/>
      <c r="M38" s="38"/>
      <c r="N38" s="39"/>
    </row>
    <row r="39" spans="2:14" ht="147" customHeight="1" x14ac:dyDescent="0.4">
      <c r="B39" s="39"/>
      <c r="C39" s="40"/>
      <c r="D39" s="36"/>
      <c r="E39" s="36"/>
      <c r="F39" s="36"/>
      <c r="G39" s="36"/>
      <c r="H39" s="36"/>
      <c r="I39" s="36"/>
      <c r="J39" s="23"/>
      <c r="K39" s="37"/>
      <c r="L39" s="25"/>
      <c r="M39" s="38"/>
      <c r="N39" s="39"/>
    </row>
    <row r="40" spans="2:14" x14ac:dyDescent="0.4">
      <c r="B40" s="39"/>
      <c r="C40" s="40"/>
      <c r="D40" s="36"/>
      <c r="E40" s="36"/>
      <c r="F40" s="36"/>
      <c r="G40" s="36"/>
      <c r="H40" s="36"/>
      <c r="I40" s="36"/>
      <c r="J40" s="23"/>
      <c r="K40" s="37"/>
      <c r="L40" s="26"/>
      <c r="M40" s="38"/>
      <c r="N40" s="39"/>
    </row>
    <row r="41" spans="2:14" ht="147" customHeight="1" x14ac:dyDescent="0.4">
      <c r="B41" s="39"/>
      <c r="C41" s="40"/>
      <c r="D41" s="36"/>
      <c r="E41" s="36"/>
      <c r="F41" s="36"/>
      <c r="G41" s="36"/>
      <c r="H41" s="36"/>
      <c r="I41" s="36"/>
      <c r="J41" s="23"/>
      <c r="K41" s="37"/>
      <c r="L41" s="25"/>
      <c r="M41" s="38"/>
      <c r="N41" s="39"/>
    </row>
    <row r="42" spans="2:14" x14ac:dyDescent="0.4">
      <c r="B42" s="39"/>
      <c r="C42" s="40"/>
      <c r="D42" s="36"/>
      <c r="E42" s="36"/>
      <c r="F42" s="36"/>
      <c r="G42" s="36"/>
      <c r="H42" s="36"/>
      <c r="I42" s="36"/>
      <c r="J42" s="23"/>
      <c r="K42" s="37"/>
      <c r="L42" s="26"/>
      <c r="M42" s="38"/>
      <c r="N42" s="39"/>
    </row>
    <row r="43" spans="2:14" ht="132" customHeight="1" x14ac:dyDescent="0.4">
      <c r="B43" s="39"/>
      <c r="C43" s="40"/>
      <c r="D43" s="36"/>
      <c r="E43" s="36"/>
      <c r="F43" s="36"/>
      <c r="G43" s="36"/>
      <c r="H43" s="36"/>
      <c r="I43" s="36"/>
      <c r="J43" s="23"/>
      <c r="K43" s="37"/>
      <c r="L43" s="25"/>
      <c r="M43" s="38"/>
      <c r="N43" s="39"/>
    </row>
    <row r="44" spans="2:14" x14ac:dyDescent="0.4">
      <c r="B44" s="39"/>
      <c r="C44" s="40"/>
      <c r="D44" s="36"/>
      <c r="E44" s="36"/>
      <c r="F44" s="36"/>
      <c r="G44" s="36"/>
      <c r="H44" s="36"/>
      <c r="I44" s="36"/>
      <c r="J44" s="23"/>
      <c r="K44" s="37"/>
      <c r="L44" s="26"/>
      <c r="M44" s="38"/>
      <c r="N44" s="39"/>
    </row>
    <row r="45" spans="2:14" ht="132" customHeight="1" x14ac:dyDescent="0.4">
      <c r="B45" s="39"/>
      <c r="C45" s="40"/>
      <c r="D45" s="36"/>
      <c r="E45" s="36"/>
      <c r="F45" s="36"/>
      <c r="G45" s="36"/>
      <c r="H45" s="36"/>
      <c r="I45" s="36"/>
      <c r="J45" s="23"/>
      <c r="K45" s="37"/>
      <c r="L45" s="25"/>
      <c r="M45" s="38"/>
      <c r="N45" s="39"/>
    </row>
    <row r="46" spans="2:14" x14ac:dyDescent="0.4">
      <c r="B46" s="39"/>
      <c r="C46" s="40"/>
      <c r="D46" s="36"/>
      <c r="E46" s="36"/>
      <c r="F46" s="36"/>
      <c r="G46" s="36"/>
      <c r="H46" s="36"/>
      <c r="I46" s="36"/>
      <c r="J46" s="23"/>
      <c r="K46" s="37"/>
      <c r="L46" s="26"/>
      <c r="M46" s="38"/>
      <c r="N46" s="39"/>
    </row>
    <row r="47" spans="2:14" x14ac:dyDescent="0.4">
      <c r="B47" s="39"/>
      <c r="C47" s="40"/>
      <c r="D47" s="36"/>
      <c r="E47" s="36"/>
      <c r="F47" s="36"/>
      <c r="G47" s="36"/>
      <c r="H47" s="36"/>
      <c r="I47" s="36"/>
      <c r="J47" s="23"/>
      <c r="K47" s="37"/>
      <c r="L47" s="25"/>
      <c r="M47" s="38"/>
      <c r="N47" s="39"/>
    </row>
    <row r="48" spans="2:14" x14ac:dyDescent="0.4">
      <c r="B48" s="39"/>
      <c r="C48" s="40"/>
      <c r="D48" s="36"/>
      <c r="E48" s="36"/>
      <c r="F48" s="36"/>
      <c r="G48" s="36"/>
      <c r="H48" s="36"/>
      <c r="I48" s="36"/>
      <c r="J48" s="23"/>
      <c r="K48" s="37"/>
      <c r="L48" s="26"/>
      <c r="M48" s="38"/>
      <c r="N48" s="39"/>
    </row>
    <row r="49" spans="2:14" ht="162" customHeight="1" x14ac:dyDescent="0.4">
      <c r="B49" s="39"/>
      <c r="C49" s="40"/>
      <c r="D49" s="36"/>
      <c r="E49" s="36"/>
      <c r="F49" s="36"/>
      <c r="G49" s="36"/>
      <c r="H49" s="36"/>
      <c r="I49" s="36"/>
      <c r="J49" s="23"/>
      <c r="K49" s="37"/>
      <c r="L49" s="25"/>
      <c r="M49" s="38"/>
      <c r="N49" s="39"/>
    </row>
    <row r="50" spans="2:14" x14ac:dyDescent="0.4">
      <c r="B50" s="39"/>
      <c r="C50" s="40"/>
      <c r="D50" s="36"/>
      <c r="E50" s="36"/>
      <c r="F50" s="36"/>
      <c r="G50" s="36"/>
      <c r="H50" s="36"/>
      <c r="I50" s="36"/>
      <c r="J50" s="23"/>
      <c r="K50" s="37"/>
      <c r="L50" s="27"/>
      <c r="M50" s="38"/>
      <c r="N50" s="39"/>
    </row>
    <row r="51" spans="2:14" ht="147" customHeight="1" x14ac:dyDescent="0.4">
      <c r="B51" s="39"/>
      <c r="C51" s="40"/>
      <c r="D51" s="36"/>
      <c r="E51" s="36"/>
      <c r="F51" s="36"/>
      <c r="G51" s="36"/>
      <c r="H51" s="36"/>
      <c r="I51" s="36"/>
      <c r="J51" s="23"/>
      <c r="K51" s="37"/>
      <c r="L51" s="28"/>
      <c r="M51" s="38"/>
      <c r="N51" s="39"/>
    </row>
    <row r="52" spans="2:14" x14ac:dyDescent="0.4">
      <c r="B52" s="39"/>
      <c r="C52" s="40"/>
      <c r="D52" s="36"/>
      <c r="E52" s="36"/>
      <c r="F52" s="36"/>
      <c r="G52" s="36"/>
      <c r="H52" s="36"/>
      <c r="I52" s="36"/>
      <c r="J52" s="23"/>
      <c r="K52" s="37"/>
      <c r="L52" s="27"/>
      <c r="M52" s="38"/>
      <c r="N52" s="39"/>
    </row>
    <row r="53" spans="2:14" x14ac:dyDescent="0.4">
      <c r="B53" s="39"/>
      <c r="C53" s="40"/>
      <c r="D53" s="36"/>
      <c r="E53" s="36"/>
      <c r="F53" s="36"/>
      <c r="G53" s="36"/>
      <c r="H53" s="36"/>
      <c r="I53" s="36"/>
      <c r="J53" s="23"/>
      <c r="K53" s="37"/>
      <c r="L53" s="28"/>
      <c r="M53" s="38"/>
      <c r="N53" s="39"/>
    </row>
    <row r="54" spans="2:14" x14ac:dyDescent="0.4">
      <c r="B54" s="39"/>
      <c r="C54" s="40"/>
      <c r="D54" s="36"/>
      <c r="E54" s="36"/>
      <c r="F54" s="36"/>
      <c r="G54" s="36"/>
      <c r="H54" s="36"/>
      <c r="I54" s="36"/>
      <c r="J54" s="23"/>
      <c r="K54" s="37"/>
      <c r="L54" s="26"/>
      <c r="M54" s="38"/>
      <c r="N54" s="39"/>
    </row>
    <row r="55" spans="2:14" x14ac:dyDescent="0.4">
      <c r="B55" s="39"/>
      <c r="C55" s="40"/>
      <c r="D55" s="36"/>
      <c r="E55" s="36"/>
      <c r="F55" s="36"/>
      <c r="G55" s="36"/>
      <c r="H55" s="36"/>
      <c r="I55" s="36"/>
      <c r="J55" s="23"/>
      <c r="K55" s="37"/>
      <c r="L55" s="25"/>
      <c r="M55" s="38"/>
    </row>
    <row r="56" spans="2:14" x14ac:dyDescent="0.4">
      <c r="B56" s="39"/>
      <c r="C56" s="40"/>
      <c r="D56" s="36"/>
      <c r="E56" s="36"/>
      <c r="F56" s="36"/>
      <c r="G56" s="36"/>
      <c r="H56" s="36"/>
      <c r="I56" s="36"/>
      <c r="J56" s="23"/>
      <c r="K56" s="37"/>
      <c r="L56" s="26"/>
      <c r="M56" s="38"/>
    </row>
    <row r="57" spans="2:14" x14ac:dyDescent="0.4">
      <c r="B57" s="39"/>
      <c r="C57" s="40"/>
      <c r="D57" s="36"/>
      <c r="E57" s="36"/>
      <c r="F57" s="36"/>
      <c r="G57" s="36"/>
      <c r="H57" s="36"/>
      <c r="I57" s="36"/>
      <c r="J57" s="23"/>
      <c r="K57" s="37"/>
      <c r="L57" s="25"/>
      <c r="M57" s="38"/>
    </row>
    <row r="58" spans="2:14" x14ac:dyDescent="0.4">
      <c r="B58" s="39"/>
      <c r="C58" s="40"/>
      <c r="D58" s="36"/>
      <c r="E58" s="36"/>
      <c r="F58" s="36"/>
      <c r="G58" s="36"/>
      <c r="H58" s="36"/>
      <c r="I58" s="36"/>
      <c r="J58" s="23"/>
      <c r="K58" s="37"/>
      <c r="L58" s="26"/>
      <c r="M58" s="38"/>
    </row>
    <row r="59" spans="2:14" x14ac:dyDescent="0.4">
      <c r="B59" s="39"/>
      <c r="C59" s="40"/>
      <c r="D59" s="36"/>
      <c r="E59" s="36"/>
      <c r="F59" s="36"/>
      <c r="G59" s="36"/>
      <c r="H59" s="36"/>
      <c r="I59" s="36"/>
      <c r="J59" s="23"/>
      <c r="K59" s="37"/>
      <c r="L59" s="25"/>
      <c r="M59" s="38"/>
    </row>
    <row r="60" spans="2:14" x14ac:dyDescent="0.4">
      <c r="B60" s="39"/>
      <c r="C60" s="40"/>
      <c r="D60" s="36"/>
      <c r="E60" s="36"/>
      <c r="F60" s="36"/>
      <c r="G60" s="36"/>
      <c r="H60" s="36"/>
      <c r="I60" s="36"/>
      <c r="J60" s="23"/>
      <c r="K60" s="37"/>
      <c r="L60" s="26"/>
      <c r="M60" s="38"/>
    </row>
    <row r="61" spans="2:14" x14ac:dyDescent="0.4">
      <c r="B61" s="39"/>
      <c r="C61" s="40"/>
      <c r="D61" s="36"/>
      <c r="E61" s="36"/>
      <c r="F61" s="36"/>
      <c r="G61" s="36"/>
      <c r="H61" s="36"/>
      <c r="I61" s="36"/>
      <c r="J61" s="23"/>
      <c r="K61" s="37"/>
      <c r="L61" s="25"/>
      <c r="M61" s="38"/>
    </row>
  </sheetData>
  <mergeCells count="236">
    <mergeCell ref="B1:C1"/>
    <mergeCell ref="B3:C3"/>
    <mergeCell ref="B6:C6"/>
    <mergeCell ref="B8:C8"/>
    <mergeCell ref="B10:C10"/>
    <mergeCell ref="O13:O14"/>
    <mergeCell ref="M20:M21"/>
    <mergeCell ref="O15:O16"/>
    <mergeCell ref="O17:O18"/>
    <mergeCell ref="N19:N20"/>
    <mergeCell ref="B20:B21"/>
    <mergeCell ref="C20:C21"/>
    <mergeCell ref="D20:D21"/>
    <mergeCell ref="E20:E21"/>
    <mergeCell ref="F20:F21"/>
    <mergeCell ref="G20:G21"/>
    <mergeCell ref="H20:H21"/>
    <mergeCell ref="B22:B23"/>
    <mergeCell ref="C22:C23"/>
    <mergeCell ref="D22:D23"/>
    <mergeCell ref="E22:E23"/>
    <mergeCell ref="F22:F23"/>
    <mergeCell ref="G22:G23"/>
    <mergeCell ref="H22:H23"/>
    <mergeCell ref="I20:I21"/>
    <mergeCell ref="K20:K21"/>
    <mergeCell ref="M26:M27"/>
    <mergeCell ref="N25:N26"/>
    <mergeCell ref="B26:B27"/>
    <mergeCell ref="C26:C27"/>
    <mergeCell ref="D26:D27"/>
    <mergeCell ref="E26:E27"/>
    <mergeCell ref="F26:F27"/>
    <mergeCell ref="G26:G27"/>
    <mergeCell ref="H26:H27"/>
    <mergeCell ref="I24:I25"/>
    <mergeCell ref="K24:K25"/>
    <mergeCell ref="M24:M25"/>
    <mergeCell ref="N23:N24"/>
    <mergeCell ref="B24:B25"/>
    <mergeCell ref="C24:C25"/>
    <mergeCell ref="D24:D25"/>
    <mergeCell ref="E24:E25"/>
    <mergeCell ref="F24:F25"/>
    <mergeCell ref="G24:G25"/>
    <mergeCell ref="H24:H25"/>
    <mergeCell ref="I22:I23"/>
    <mergeCell ref="K22:K23"/>
    <mergeCell ref="M22:M23"/>
    <mergeCell ref="N21:N22"/>
    <mergeCell ref="B28:B29"/>
    <mergeCell ref="C28:C29"/>
    <mergeCell ref="D28:D29"/>
    <mergeCell ref="E28:E29"/>
    <mergeCell ref="F28:F29"/>
    <mergeCell ref="G28:G29"/>
    <mergeCell ref="H28:H29"/>
    <mergeCell ref="I26:I27"/>
    <mergeCell ref="K26:K27"/>
    <mergeCell ref="M32:M33"/>
    <mergeCell ref="N31:N32"/>
    <mergeCell ref="B32:B33"/>
    <mergeCell ref="C32:C33"/>
    <mergeCell ref="D32:D33"/>
    <mergeCell ref="E32:E33"/>
    <mergeCell ref="F32:F33"/>
    <mergeCell ref="G32:G33"/>
    <mergeCell ref="H32:H33"/>
    <mergeCell ref="I30:I31"/>
    <mergeCell ref="K30:K31"/>
    <mergeCell ref="M30:M31"/>
    <mergeCell ref="N29:N30"/>
    <mergeCell ref="B30:B31"/>
    <mergeCell ref="C30:C31"/>
    <mergeCell ref="D30:D31"/>
    <mergeCell ref="E30:E31"/>
    <mergeCell ref="F30:F31"/>
    <mergeCell ref="G30:G31"/>
    <mergeCell ref="H30:H31"/>
    <mergeCell ref="I28:I29"/>
    <mergeCell ref="K28:K29"/>
    <mergeCell ref="M28:M29"/>
    <mergeCell ref="N27:N28"/>
    <mergeCell ref="B34:B35"/>
    <mergeCell ref="C34:C35"/>
    <mergeCell ref="D34:D35"/>
    <mergeCell ref="E34:E35"/>
    <mergeCell ref="F34:F35"/>
    <mergeCell ref="G34:G35"/>
    <mergeCell ref="H34:H35"/>
    <mergeCell ref="I32:I33"/>
    <mergeCell ref="K32:K33"/>
    <mergeCell ref="M38:M39"/>
    <mergeCell ref="N37:N38"/>
    <mergeCell ref="B38:B39"/>
    <mergeCell ref="C38:C39"/>
    <mergeCell ref="D38:D39"/>
    <mergeCell ref="E38:E39"/>
    <mergeCell ref="F38:F39"/>
    <mergeCell ref="G38:G39"/>
    <mergeCell ref="H38:H39"/>
    <mergeCell ref="I36:I37"/>
    <mergeCell ref="K36:K37"/>
    <mergeCell ref="M36:M37"/>
    <mergeCell ref="N35:N36"/>
    <mergeCell ref="B36:B37"/>
    <mergeCell ref="C36:C37"/>
    <mergeCell ref="D36:D37"/>
    <mergeCell ref="E36:E37"/>
    <mergeCell ref="F36:F37"/>
    <mergeCell ref="G36:G37"/>
    <mergeCell ref="H36:H37"/>
    <mergeCell ref="I34:I35"/>
    <mergeCell ref="K34:K35"/>
    <mergeCell ref="M34:M35"/>
    <mergeCell ref="N33:N34"/>
    <mergeCell ref="B40:B41"/>
    <mergeCell ref="C40:C41"/>
    <mergeCell ref="D40:D41"/>
    <mergeCell ref="E40:E41"/>
    <mergeCell ref="F40:F41"/>
    <mergeCell ref="G40:G41"/>
    <mergeCell ref="H40:H41"/>
    <mergeCell ref="I38:I39"/>
    <mergeCell ref="K38:K39"/>
    <mergeCell ref="M44:M45"/>
    <mergeCell ref="N43:N44"/>
    <mergeCell ref="B44:B45"/>
    <mergeCell ref="C44:C45"/>
    <mergeCell ref="D44:D45"/>
    <mergeCell ref="E44:E45"/>
    <mergeCell ref="F44:F45"/>
    <mergeCell ref="G44:G45"/>
    <mergeCell ref="H44:H45"/>
    <mergeCell ref="I42:I43"/>
    <mergeCell ref="K42:K43"/>
    <mergeCell ref="M42:M43"/>
    <mergeCell ref="N41:N42"/>
    <mergeCell ref="B42:B43"/>
    <mergeCell ref="C42:C43"/>
    <mergeCell ref="D42:D43"/>
    <mergeCell ref="E42:E43"/>
    <mergeCell ref="F42:F43"/>
    <mergeCell ref="G42:G43"/>
    <mergeCell ref="H42:H43"/>
    <mergeCell ref="I40:I41"/>
    <mergeCell ref="K40:K41"/>
    <mergeCell ref="M40:M41"/>
    <mergeCell ref="N39:N40"/>
    <mergeCell ref="B46:B47"/>
    <mergeCell ref="C46:C47"/>
    <mergeCell ref="D46:D47"/>
    <mergeCell ref="E46:E47"/>
    <mergeCell ref="F46:F47"/>
    <mergeCell ref="G46:G47"/>
    <mergeCell ref="H46:H47"/>
    <mergeCell ref="I44:I45"/>
    <mergeCell ref="K44:K45"/>
    <mergeCell ref="M50:M51"/>
    <mergeCell ref="N49:N50"/>
    <mergeCell ref="B50:B51"/>
    <mergeCell ref="C50:C51"/>
    <mergeCell ref="D50:D51"/>
    <mergeCell ref="E50:E51"/>
    <mergeCell ref="F50:F51"/>
    <mergeCell ref="G50:G51"/>
    <mergeCell ref="H50:H51"/>
    <mergeCell ref="I48:I49"/>
    <mergeCell ref="K48:K49"/>
    <mergeCell ref="M48:M49"/>
    <mergeCell ref="N47:N48"/>
    <mergeCell ref="B48:B49"/>
    <mergeCell ref="C48:C49"/>
    <mergeCell ref="D48:D49"/>
    <mergeCell ref="E48:E49"/>
    <mergeCell ref="F48:F49"/>
    <mergeCell ref="G48:G49"/>
    <mergeCell ref="H48:H49"/>
    <mergeCell ref="I46:I47"/>
    <mergeCell ref="K46:K47"/>
    <mergeCell ref="M46:M47"/>
    <mergeCell ref="N45:N46"/>
    <mergeCell ref="I54:I55"/>
    <mergeCell ref="K54:K55"/>
    <mergeCell ref="M54:M55"/>
    <mergeCell ref="N53:N54"/>
    <mergeCell ref="B54:B55"/>
    <mergeCell ref="C54:C55"/>
    <mergeCell ref="D54:D55"/>
    <mergeCell ref="E54:E55"/>
    <mergeCell ref="F54:F55"/>
    <mergeCell ref="G54:G55"/>
    <mergeCell ref="H54:H55"/>
    <mergeCell ref="I52:I53"/>
    <mergeCell ref="K52:K53"/>
    <mergeCell ref="M52:M53"/>
    <mergeCell ref="N51:N52"/>
    <mergeCell ref="B52:B53"/>
    <mergeCell ref="C52:C53"/>
    <mergeCell ref="D52:D53"/>
    <mergeCell ref="E52:E53"/>
    <mergeCell ref="F52:F53"/>
    <mergeCell ref="G52:G53"/>
    <mergeCell ref="H52:H53"/>
    <mergeCell ref="I50:I51"/>
    <mergeCell ref="K50:K51"/>
    <mergeCell ref="M56:M57"/>
    <mergeCell ref="B56:B57"/>
    <mergeCell ref="C56:C57"/>
    <mergeCell ref="D56:D57"/>
    <mergeCell ref="E56:E57"/>
    <mergeCell ref="F56:F57"/>
    <mergeCell ref="G56:G57"/>
    <mergeCell ref="H56:H57"/>
    <mergeCell ref="I56:I57"/>
    <mergeCell ref="K56:K57"/>
    <mergeCell ref="H58:H59"/>
    <mergeCell ref="I58:I59"/>
    <mergeCell ref="K58:K59"/>
    <mergeCell ref="M58:M59"/>
    <mergeCell ref="B58:B59"/>
    <mergeCell ref="C58:C59"/>
    <mergeCell ref="D58:D59"/>
    <mergeCell ref="E58:E59"/>
    <mergeCell ref="F58:F59"/>
    <mergeCell ref="G58:G59"/>
    <mergeCell ref="I60:I61"/>
    <mergeCell ref="K60:K61"/>
    <mergeCell ref="M60:M61"/>
    <mergeCell ref="B60:B61"/>
    <mergeCell ref="C60:C61"/>
    <mergeCell ref="D60:D61"/>
    <mergeCell ref="E60:E61"/>
    <mergeCell ref="F60:F61"/>
    <mergeCell ref="G60:G61"/>
    <mergeCell ref="H60:H61"/>
  </mergeCells>
  <hyperlinks>
    <hyperlink ref="H8" r:id="rId1" display="https://can01.safelinks.protection.outlook.com/?url=https%3A%2F%2Fforms.office.com%2Fr%2FiNMNAAC0fA&amp;data=05%7C02%7Cearthscience%40smu.ca%7Cbaa3250a1b1c4cee0a8f08de3f04e04d%7C060b02ae57754360abbae2e29cca6627%7C1%7C0%7C639017487346033342%7CUnknown%7CTWFpbGZsb3d8eyJFbXB0eU1hcGkiOnRydWUsIlYiOiIwLjAuMDAwMCIsIlAiOiJXaW4zMiIsIkFOIjoiTWFpbCIsIldUIjoyfQ%3D%3D%7C0%7C%7C%7C&amp;sdata=27MleVKyCTmTHSSKPqxHk4QP9PfzLUnzsALIFJoxA9U%3D&amp;reserved=0" xr:uid="{E149A148-B9EC-4049-A454-DD8755E6EA52}"/>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7EC1FD6AE885A41B7D04E8203B69728" ma:contentTypeVersion="3" ma:contentTypeDescription="Create a new document." ma:contentTypeScope="" ma:versionID="1013a542d897cef5aa33ce228e07c58f">
  <xsd:schema xmlns:xsd="http://www.w3.org/2001/XMLSchema" xmlns:xs="http://www.w3.org/2001/XMLSchema" xmlns:p="http://schemas.microsoft.com/office/2006/metadata/properties" xmlns:ns2="c18b2f48-74d6-4027-bf7c-f84c1e62c0b3" targetNamespace="http://schemas.microsoft.com/office/2006/metadata/properties" ma:root="true" ma:fieldsID="a849c043f40678acb66941c7b7af7e72" ns2:_="">
    <xsd:import namespace="c18b2f48-74d6-4027-bf7c-f84c1e62c0b3"/>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18b2f48-74d6-4027-bf7c-f84c1e62c0b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90336FB-4A9F-48C8-9885-A6E8C073E5B7}">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38569FA6-ABA2-4A5D-97B3-0DADDB2770D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18b2f48-74d6-4027-bf7c-f84c1e62c0b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578614-D2F2-4485-8DAA-9A8C2D60DD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ril Scheller</dc:creator>
  <cp:keywords/>
  <dc:description/>
  <cp:lastModifiedBy>Adriana Tudor</cp:lastModifiedBy>
  <cp:revision/>
  <dcterms:created xsi:type="dcterms:W3CDTF">2025-12-08T00:13:53Z</dcterms:created>
  <dcterms:modified xsi:type="dcterms:W3CDTF">2026-04-23T14:55:4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7EC1FD6AE885A41B7D04E8203B69728</vt:lpwstr>
  </property>
</Properties>
</file>